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22"/>
  </p:sldMasterIdLst>
  <p:notesMasterIdLst>
    <p:notesMasterId r:id="rId29"/>
  </p:notesMasterIdLst>
  <p:handoutMasterIdLst>
    <p:handoutMasterId r:id="rId30"/>
  </p:handoutMasterIdLst>
  <p:sldIdLst>
    <p:sldId id="261" r:id="rId23"/>
    <p:sldId id="266" r:id="rId24"/>
    <p:sldId id="270" r:id="rId25"/>
    <p:sldId id="271" r:id="rId26"/>
    <p:sldId id="272" r:id="rId27"/>
    <p:sldId id="263" r:id="rId28"/>
  </p:sldIdLst>
  <p:sldSz cx="12192000" cy="6858000"/>
  <p:notesSz cx="6858000" cy="9144000"/>
  <p:embeddedFontLst>
    <p:embeddedFont>
      <p:font typeface="ABBvoice" panose="020D0603020503020204" pitchFamily="34" charset="0"/>
      <p:regular r:id="rId31"/>
      <p:bold r:id="rId32"/>
    </p:embeddedFont>
    <p:embeddedFont>
      <p:font typeface="ABBvoice Display SemiBold" panose="020D0704020603060204" pitchFamily="34" charset="0"/>
      <p:regular r:id="rId33"/>
      <p:bold r:id="rId34"/>
    </p:embeddedFont>
    <p:embeddedFont>
      <p:font typeface="ABBvoice Light" panose="020D0403020503020204" pitchFamily="34" charset="0"/>
      <p:regular r:id="rId35"/>
    </p:embeddedFont>
    <p:embeddedFont>
      <p:font typeface="Verdana" panose="020B0604030504040204" pitchFamily="34" charset="0"/>
      <p:regular r:id="rId36"/>
      <p:bold r:id="rId37"/>
      <p:italic r:id="rId38"/>
      <p:boldItalic r:id="rId3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0909"/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566" autoAdjust="0"/>
    <p:restoredTop sz="94599" autoAdjust="0"/>
  </p:normalViewPr>
  <p:slideViewPr>
    <p:cSldViewPr snapToGrid="0" snapToObjects="1" showGuides="1">
      <p:cViewPr varScale="1">
        <p:scale>
          <a:sx n="149" d="100"/>
          <a:sy n="149" d="100"/>
        </p:scale>
        <p:origin x="264" y="184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4.xml"/><Relationship Id="rId39" Type="http://schemas.openxmlformats.org/officeDocument/2006/relationships/font" Target="fonts/font9.fntdata"/><Relationship Id="rId21" Type="http://schemas.openxmlformats.org/officeDocument/2006/relationships/customXml" Target="../customXml/item21.xml"/><Relationship Id="rId34" Type="http://schemas.openxmlformats.org/officeDocument/2006/relationships/font" Target="fonts/font4.fntdata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notesMaster" Target="notesMasters/notesMaster1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2.xml"/><Relationship Id="rId32" Type="http://schemas.openxmlformats.org/officeDocument/2006/relationships/font" Target="fonts/font2.fntdata"/><Relationship Id="rId37" Type="http://schemas.openxmlformats.org/officeDocument/2006/relationships/font" Target="fonts/font7.fntdata"/><Relationship Id="rId40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font" Target="fonts/font6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1.fntdata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5.xml"/><Relationship Id="rId30" Type="http://schemas.openxmlformats.org/officeDocument/2006/relationships/handoutMaster" Target="handoutMasters/handoutMaster1.xml"/><Relationship Id="rId35" Type="http://schemas.openxmlformats.org/officeDocument/2006/relationships/font" Target="fonts/font5.fntdata"/><Relationship Id="rId43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3.xml"/><Relationship Id="rId33" Type="http://schemas.openxmlformats.org/officeDocument/2006/relationships/font" Target="fonts/font3.fntdata"/><Relationship Id="rId38" Type="http://schemas.openxmlformats.org/officeDocument/2006/relationships/font" Target="fonts/font8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12/1/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12/1/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4.e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7" Type="http://schemas.openxmlformats.org/officeDocument/2006/relationships/image" Target="../media/image17.sv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5" Type="http://schemas.openxmlformats.org/officeDocument/2006/relationships/image" Target="../media/image4.emf"/><Relationship Id="rId4" Type="http://schemas.openxmlformats.org/officeDocument/2006/relationships/image" Target="../media/image15.pn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emf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13" Type="http://schemas.openxmlformats.org/officeDocument/2006/relationships/image" Target="../media/image30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12" Type="http://schemas.openxmlformats.org/officeDocument/2006/relationships/image" Target="../media/image29.png"/><Relationship Id="rId2" Type="http://schemas.openxmlformats.org/officeDocument/2006/relationships/image" Target="../media/image1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3.png"/><Relationship Id="rId11" Type="http://schemas.openxmlformats.org/officeDocument/2006/relationships/image" Target="../media/image28.png"/><Relationship Id="rId5" Type="http://schemas.openxmlformats.org/officeDocument/2006/relationships/image" Target="../media/image22.png"/><Relationship Id="rId10" Type="http://schemas.openxmlformats.org/officeDocument/2006/relationships/image" Target="../media/image27.png"/><Relationship Id="rId4" Type="http://schemas.openxmlformats.org/officeDocument/2006/relationships/image" Target="../media/image21.png"/><Relationship Id="rId9" Type="http://schemas.openxmlformats.org/officeDocument/2006/relationships/image" Target="../media/image26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2018114914" name="Classification" descr="{&quot;templafy&quot;:{&quot;id&quot;:&quot;51a7990e-0617-47e1-bdc3-c01c434f8e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8408343" name="Classification" descr="{&quot;templafy&quot;:{&quot;id&quot;:&quot;98add2e7-b44b-4b78-a5be-82418480270d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98931260" name="Classification" descr="{&quot;templafy&quot;:{&quot;id&quot;:&quot;c5357a13-7645-488b-b696-5bfad939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December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12">
            <a:extLst>
              <a:ext uri="{FF2B5EF4-FFF2-40B4-BE49-F238E27FC236}">
                <a16:creationId xmlns:a16="http://schemas.microsoft.com/office/drawing/2014/main" id="{EC1208E0-BE2B-5E89-A5D0-F56408A110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artisticBlur radius="93"/>
                    </a14:imgEffect>
                    <a14:imgEffect>
                      <a14:brightnessContrast bright="-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1" name="Picture Placeholder 5">
            <a:extLst>
              <a:ext uri="{FF2B5EF4-FFF2-40B4-BE49-F238E27FC236}">
                <a16:creationId xmlns:a16="http://schemas.microsoft.com/office/drawing/2014/main" id="{082870DE-F9FE-CFCF-1E43-5F7F24712FB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gray">
          <a:xfrm>
            <a:off x="0" y="0"/>
            <a:ext cx="10614526" cy="5636126"/>
          </a:xfrm>
          <a:prstGeom prst="rect">
            <a:avLst/>
          </a:prstGeom>
          <a:ln>
            <a:noFill/>
          </a:ln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4BDB11D5-AA3D-1093-4BBC-A8F3726D4BFB}"/>
              </a:ext>
            </a:extLst>
          </p:cNvPr>
          <p:cNvSpPr/>
          <p:nvPr userDrawn="1"/>
        </p:nvSpPr>
        <p:spPr bwMode="gray">
          <a:xfrm flipV="1">
            <a:off x="0" y="3321100"/>
            <a:ext cx="10614526" cy="2315025"/>
          </a:xfrm>
          <a:prstGeom prst="rect">
            <a:avLst/>
          </a:prstGeom>
          <a:gradFill flip="none" rotWithShape="1">
            <a:gsLst>
              <a:gs pos="0">
                <a:srgbClr val="090909">
                  <a:alpha val="74000"/>
                </a:srgbClr>
              </a:gs>
              <a:gs pos="97000">
                <a:schemeClr val="accent1">
                  <a:lumMod val="70000"/>
                  <a:alpha val="0"/>
                </a:schemeClr>
              </a:gs>
            </a:gsLst>
            <a:lin ang="5400000" scaled="0"/>
            <a:tileRect/>
          </a:gra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2078294497" name="Classification" descr="{&quot;templafy&quot;:{&quot;id&quot;:&quot;a28be3ed-fc2d-41dd-b85e-4049d5bcc57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523424" name="Classification" descr="{&quot;templafy&quot;:{&quot;id&quot;:&quot;f53e9e96-a2af-4c04-a977-4781537d9b4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1295557" name="Classification" descr="{&quot;templafy&quot;:{&quot;id&quot;:&quot;f9b957dd-4e8c-4632-98d7-ed1d09f1e6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December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79">
            <a:extLst>
              <a:ext uri="{96DAC541-7B7A-43D3-8B79-37D633B846F1}">
                <asvg:svgBlip xmlns:asvg="http://schemas.microsoft.com/office/drawing/2016/SVG/main" r:embed="rId8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6325b20f-bd70-4691-ba75-2114ff414d3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800" b="1" kern="1200">
          <a:solidFill>
            <a:schemeClr val="tx1"/>
          </a:solidFill>
          <a:latin typeface="ABBvoice Display SemiBold" panose="020D0704020603060204" pitchFamily="34" charset="0"/>
          <a:ea typeface="+mj-ea"/>
          <a:cs typeface="ABBvoice Display SemiBold" panose="020D0704020603060204" pitchFamily="34" charset="0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31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9.xml"/><Relationship Id="rId6" Type="http://schemas.openxmlformats.org/officeDocument/2006/relationships/image" Target="../media/image17.svg"/><Relationship Id="rId5" Type="http://schemas.openxmlformats.org/officeDocument/2006/relationships/image" Target="../media/image16.png"/><Relationship Id="rId4" Type="http://schemas.openxmlformats.org/officeDocument/2006/relationships/image" Target="../media/image4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December 3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0AEE418-C7B1-7442-25F8-39C9C7F0AE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3726380"/>
            <a:ext cx="10480732" cy="1167237"/>
          </a:xfrm>
        </p:spPr>
        <p:txBody>
          <a:bodyPr/>
          <a:lstStyle/>
          <a:p>
            <a:r>
              <a:rPr lang="en-US" sz="5000" dirty="0"/>
              <a:t>ABB STARTUP CHALLENGE 2026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39F7511-CEE7-1C7B-23E1-EE571924A8F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200" y="5338721"/>
            <a:ext cx="11860799" cy="486000"/>
          </a:xfrm>
        </p:spPr>
        <p:txBody>
          <a:bodyPr/>
          <a:lstStyle/>
          <a:p>
            <a:r>
              <a:rPr lang="en-US" dirty="0"/>
              <a:t>Collaborating to Innovate  |  Your Company Name her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D66C31C-1A25-CF54-6026-F4B6AA08017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31201" y="3564380"/>
            <a:ext cx="8613648" cy="162000"/>
          </a:xfrm>
        </p:spPr>
        <p:txBody>
          <a:bodyPr/>
          <a:lstStyle/>
          <a:p>
            <a:endParaRPr lang="en-US"/>
          </a:p>
        </p:txBody>
      </p:sp>
      <p:sp>
        <p:nvSpPr>
          <p:cNvPr id="32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064EEEA9-6615-DA3E-E358-86EA07D77CC3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3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219F92BC-88FA-31F0-F831-0595D867E3B2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20E6E58D-9E09-9077-393A-7289D2E62C26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35" name="Classification" descr="{&quot;templafy&quot;:{&quot;id&quot;:&quot;a28be3ed-fc2d-41dd-b85e-4049d5bcc578&quot;}}">
            <a:extLst>
              <a:ext uri="{FF2B5EF4-FFF2-40B4-BE49-F238E27FC236}">
                <a16:creationId xmlns:a16="http://schemas.microsoft.com/office/drawing/2014/main" id="{1755FCA9-8E0F-D649-1263-158D9C80C74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36" name="Logo">
            <a:extLst>
              <a:ext uri="{FF2B5EF4-FFF2-40B4-BE49-F238E27FC236}">
                <a16:creationId xmlns:a16="http://schemas.microsoft.com/office/drawing/2014/main" id="{F9F0C620-DCDF-0B9B-1D9C-77036C492C6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C7EFA8A5-DF7E-7850-EB35-16662CE5567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37807" b="41970"/>
          <a:stretch>
            <a:fillRect/>
          </a:stretch>
        </p:blipFill>
        <p:spPr>
          <a:xfrm>
            <a:off x="274493" y="5756335"/>
            <a:ext cx="5254637" cy="59773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mpany Name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Number of Employees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untry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ntact person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Link to web page: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Applying for: Track Name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1. 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General information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about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your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company</a:t>
            </a:r>
            <a:endParaRPr lang="en-US" dirty="0">
              <a:latin typeface="Verdana" panose="020B0604030504040204" pitchFamily="34" charset="0"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E20E1-0913-51D6-524F-ADB860B407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8F5F10-A2DD-1986-8BB9-1EA59E9E519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On this slide, briefly introduce your technology, emphasizing its unique features, use cases, and application areas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Feel free to include any descriptive images or photos.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95E273-F636-9D4A-A648-2E224F1443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75F636-D5CB-432A-9640-4462056F14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C18DDB-860D-C191-E15C-547A41128C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883697-2D55-2ACD-24B8-2D9BD71BC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C268BB7-B27C-F2C5-6381-9288D38801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Technology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12499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B766EF-4E7F-A44D-419F-3FAB50699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B96A12B-8F55-9943-1566-400AFFCA98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</a:rPr>
              <a:t>Regarding this slide, please </a:t>
            </a:r>
            <a:r>
              <a:rPr lang="en-US" dirty="0">
                <a:latin typeface="Verdana" charset="0"/>
                <a:ea typeface="Verdana" charset="0"/>
                <a:cs typeface="Verdana" charset="0"/>
              </a:rPr>
              <a:t>briefly elaborate on how your technology could be a solution to ABB's challenge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You are also encouraged to include a descriptive picture or photo to enhance your explanation.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565BCC-8073-A2D4-4BF7-0960606CA9E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00374B-F5BD-320B-2891-2DC8C51A1E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6CF4FF-0076-36B8-9469-371E43D9053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60818E2-C603-723C-4078-7A5614BD51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B0D0E84-1601-549F-E86F-00D7D909AD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solution to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hallenge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99884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6587D-7ED0-3D48-4D89-2DEE9BDE14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A1BF06-816F-1F20-827D-B94087AFAD5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This slide is available for any additional information you believe enhances your chances of selection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Use it to present details that don't fit into the other slides but are crucial for showcasing your strengths.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3031DAF-061D-F680-EBB9-8B26F314CF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C3C540-FB76-4B6C-9402-B341DBE60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8D7E59-4580-61C0-5A8E-C798B04CDC5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December 1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1E41C80-E607-FE29-B549-F85A2C6B3C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8F8F820-691B-3C1C-2805-26879C5FC5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lementar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slides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(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if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n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85223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slideVersion":10,"isValidatorEnabled":false,"isLocked":false,"elementsMetadata":[],"slideId":"1089809263054290946","enableDocumentContentUpdater":false,"version":"2.0"}]]></TemplafySlideTemplateConfiguration>
</file>

<file path=customXml/item12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3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DQdLzyoNZGRFNCeT9+IwyHWDi0TDckr3cGNvxhi4LyEdLCD2GOSBAsmpJB7OAbAS"},{"name":"Revision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4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5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19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038665925682528256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6325b20f-bd70-4691-ba75-2114ff414d3f","elementConfiguration":{"binding":"{{FormatDateTime(Form.PreparedDate, \"MMMM d, yyyy\")}}","visibility":"","type":"text","disableUpdates":false}},{"type":"shape","id":"98add2e7-b44b-4b78-a5be-82418480270d","elementConfiguration":{"width":"4.25 cm","height":"0.7 cm","image":"{{Form.SecurityLevel.Classification}}","type":"image","disableUpdates":false}},{"type":"shape","id":"f53e9e96-a2af-4c04-a977-4781537d9b4a","elementConfiguration":{"width":"4.25 cm","height":"0.7 cm","image":"{{Form.SecurityLevel.Classification}}","type":"image","disableUpdates":false}},{"type":"shape","id":"a28be3ed-fc2d-41dd-b85e-4049d5bcc578","elementConfiguration":{"width":"4.25 cm","height":"0.7 cm","image":"{{Form.SecurityLevel.Classification}}","type":"image","disableUpdates":false}},{"type":"shape","id":"c5357a13-7645-488b-b696-5bfad93946b4","elementConfiguration":{"width":"4.25 cm","height":"0.7 cm","image":"{{Form.SecurityLevel.Classification}}","type":"image","disableUpdates":false}},{"type":"shape","id":"51a7990e-0617-47e1-bdc3-c01c434f8e7d","elementConfiguration":{"width":"4.25 cm","height":"0.7 cm","image":"{{Form.SecurityLevel.Classification}}","type":"image","disableUpdates":false}},{"type":"shape","id":"f9b957dd-4e8c-4632-98d7-ed1d09f1e6b0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Released: 31st Oct. 2024. Updated: 21 July 2025. What's new: 2 new layouts added - \"Picture & content B\" and \"Picture & content C\"","enableDocumentContentUpdater":true,"version":"2.0"}]]></TemplafyTemplateConfiguration>
</file>

<file path=customXml/item5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6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7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0F5C750-582F-46BB-A4BF-CBC0EFE7CA78}">
  <ds:schemaRefs/>
</ds:datastoreItem>
</file>

<file path=customXml/itemProps10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DD3C33AD-792D-4526-B706-A09FEA4C6707}">
  <ds:schemaRefs/>
</ds:datastoreItem>
</file>

<file path=customXml/itemProps12.xml><?xml version="1.0" encoding="utf-8"?>
<ds:datastoreItem xmlns:ds="http://schemas.openxmlformats.org/officeDocument/2006/customXml" ds:itemID="{3701DADA-2F68-45DF-8F02-C8ED25A02974}">
  <ds:schemaRefs/>
</ds:datastoreItem>
</file>

<file path=customXml/itemProps13.xml><?xml version="1.0" encoding="utf-8"?>
<ds:datastoreItem xmlns:ds="http://schemas.openxmlformats.org/officeDocument/2006/customXml" ds:itemID="{88746BAB-2507-4F3A-B16E-ED38367EE530}">
  <ds:schemaRefs/>
</ds:datastoreItem>
</file>

<file path=customXml/itemProps14.xml><?xml version="1.0" encoding="utf-8"?>
<ds:datastoreItem xmlns:ds="http://schemas.openxmlformats.org/officeDocument/2006/customXml" ds:itemID="{CBD49BE9-AA4C-514A-8FED-7FDD8E8BEBBF}">
  <ds:schemaRefs/>
</ds:datastoreItem>
</file>

<file path=customXml/itemProps15.xml><?xml version="1.0" encoding="utf-8"?>
<ds:datastoreItem xmlns:ds="http://schemas.openxmlformats.org/officeDocument/2006/customXml" ds:itemID="{3ECD800E-71F1-48A7-95FD-4E027165EBAE}">
  <ds:schemaRefs/>
</ds:datastoreItem>
</file>

<file path=customXml/itemProps16.xml><?xml version="1.0" encoding="utf-8"?>
<ds:datastoreItem xmlns:ds="http://schemas.openxmlformats.org/officeDocument/2006/customXml" ds:itemID="{7602D30A-B5A1-A945-985B-BBC5AB4B9C9C}">
  <ds:schemaRefs/>
</ds:datastoreItem>
</file>

<file path=customXml/itemProps17.xml><?xml version="1.0" encoding="utf-8"?>
<ds:datastoreItem xmlns:ds="http://schemas.openxmlformats.org/officeDocument/2006/customXml" ds:itemID="{4FEB63B8-2A2E-A64E-8872-A82F1245B31E}">
  <ds:schemaRefs/>
</ds:datastoreItem>
</file>

<file path=customXml/itemProps18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19.xml><?xml version="1.0" encoding="utf-8"?>
<ds:datastoreItem xmlns:ds="http://schemas.openxmlformats.org/officeDocument/2006/customXml" ds:itemID="{0C296D4C-9C70-45D9-BD3A-7D3BE57C13F9}">
  <ds:schemaRefs/>
</ds:datastoreItem>
</file>

<file path=customXml/itemProps2.xml><?xml version="1.0" encoding="utf-8"?>
<ds:datastoreItem xmlns:ds="http://schemas.openxmlformats.org/officeDocument/2006/customXml" ds:itemID="{8265113A-9CF8-4F3C-A204-F97A907EC37F}">
  <ds:schemaRefs/>
</ds:datastoreItem>
</file>

<file path=customXml/itemProps20.xml><?xml version="1.0" encoding="utf-8"?>
<ds:datastoreItem xmlns:ds="http://schemas.openxmlformats.org/officeDocument/2006/customXml" ds:itemID="{E637BF07-A80A-014B-B7EB-AA6D50047DD6}">
  <ds:schemaRefs/>
</ds:datastoreItem>
</file>

<file path=customXml/itemProps21.xml><?xml version="1.0" encoding="utf-8"?>
<ds:datastoreItem xmlns:ds="http://schemas.openxmlformats.org/officeDocument/2006/customXml" ds:itemID="{F7A209E6-81E2-4440-B270-27D1580EE090}">
  <ds:schemaRefs/>
</ds:datastoreItem>
</file>

<file path=customXml/itemProps3.xml><?xml version="1.0" encoding="utf-8"?>
<ds:datastoreItem xmlns:ds="http://schemas.openxmlformats.org/officeDocument/2006/customXml" ds:itemID="{55E46940-6434-4A2E-97B3-DE85BC1783F5}">
  <ds:schemaRefs/>
</ds:datastoreItem>
</file>

<file path=customXml/itemProps4.xml><?xml version="1.0" encoding="utf-8"?>
<ds:datastoreItem xmlns:ds="http://schemas.openxmlformats.org/officeDocument/2006/customXml" ds:itemID="{D2280EEE-F7B5-4B82-8B3F-6C5291CE43BF}">
  <ds:schemaRefs/>
</ds:datastoreItem>
</file>

<file path=customXml/itemProps5.xml><?xml version="1.0" encoding="utf-8"?>
<ds:datastoreItem xmlns:ds="http://schemas.openxmlformats.org/officeDocument/2006/customXml" ds:itemID="{F2779AB8-2647-436C-AF18-1B8D165BD73F}">
  <ds:schemaRefs/>
</ds:datastoreItem>
</file>

<file path=customXml/itemProps6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7.xml><?xml version="1.0" encoding="utf-8"?>
<ds:datastoreItem xmlns:ds="http://schemas.openxmlformats.org/officeDocument/2006/customXml" ds:itemID="{4A44F979-8A7B-844F-9E44-08D1F1AF09C5}">
  <ds:schemaRefs/>
</ds:datastoreItem>
</file>

<file path=customXml/itemProps8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583016FA-8CF4-49F0-B3A3-2E0DED7C71BA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65026</TotalTime>
  <Words>282</Words>
  <Application>Microsoft Macintosh PowerPoint</Application>
  <PresentationFormat>Widescreen</PresentationFormat>
  <Paragraphs>31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ABBvoice</vt:lpstr>
      <vt:lpstr>ABBvoice Display SemiBold</vt:lpstr>
      <vt:lpstr>ABBvoice Light</vt:lpstr>
      <vt:lpstr>Arial</vt:lpstr>
      <vt:lpstr>Verdana</vt:lpstr>
      <vt:lpstr>ABB Master</vt:lpstr>
      <vt:lpstr>ABB STARTUP CHALLENGE 2026</vt:lpstr>
      <vt:lpstr>1. General information about your company</vt:lpstr>
      <vt:lpstr>2. Technology</vt:lpstr>
      <vt:lpstr>3. Your solution to our challenge</vt:lpstr>
      <vt:lpstr>4. Complementary slides (if any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rtup Challenge 2026 Presentation</dc:title>
  <dc:creator>ABB</dc:creator>
  <cp:lastModifiedBy>Mathias Winbladh</cp:lastModifiedBy>
  <cp:revision>91</cp:revision>
  <dcterms:created xsi:type="dcterms:W3CDTF">2025-11-20T15:58:52Z</dcterms:created>
  <dcterms:modified xsi:type="dcterms:W3CDTF">2026-01-06T06:16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38:52</vt:lpwstr>
  </property>
  <property fmtid="{D5CDD505-2E9C-101B-9397-08002B2CF9AE}" pid="7" name="TemplafyTenantId">
    <vt:lpwstr>abb</vt:lpwstr>
  </property>
  <property fmtid="{D5CDD505-2E9C-101B-9397-08002B2CF9AE}" pid="8" name="TemplafyTemplateId">
    <vt:lpwstr>1038632683390894890</vt:lpwstr>
  </property>
  <property fmtid="{D5CDD505-2E9C-101B-9397-08002B2CF9AE}" pid="9" name="TemplafyUserProfileId">
    <vt:lpwstr>63788649162600517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false</vt:bool>
  </property>
</Properties>
</file>